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andvoor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ogo, Lettertype, schermopname&#10;&#10;Automatisch gegenereerde beschrijving">
            <a:extLst>
              <a:ext uri="{FF2B5EF4-FFF2-40B4-BE49-F238E27FC236}">
                <a16:creationId xmlns:a16="http://schemas.microsoft.com/office/drawing/2014/main" id="{BFA7D42D-1E74-6E49-EE65-240743C5835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343" y="4619085"/>
            <a:ext cx="2251799" cy="198608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schermopname&#10;&#10;Automatisch gegenereerde beschrijving">
            <a:extLst>
              <a:ext uri="{FF2B5EF4-FFF2-40B4-BE49-F238E27FC236}">
                <a16:creationId xmlns:a16="http://schemas.microsoft.com/office/drawing/2014/main" id="{693A5ABC-179B-4BAA-11F5-D05FA6B9178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7700" y="3950387"/>
            <a:ext cx="1541506" cy="135960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4-11T11:32:11Z</dcterms:modified>
</cp:coreProperties>
</file>